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hyperlink" Target="javascript:window.open('/next_lesson/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85251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Safeguarding from </a:t>
            </a:r>
            <a:r>
              <a:rPr lang="en-US" sz="2400" b="0" i="0" u="none" strike="noStrike" dirty="0" smtClean="0">
                <a:solidFill>
                  <a:srgbClr val="000000"/>
                </a:solidFill>
                <a:effectLst/>
              </a:rPr>
              <a:t>different </a:t>
            </a:r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types of abuse </a:t>
            </a:r>
            <a:r>
              <a:rPr lang="en-US" sz="2400" b="0" i="0" u="none" strike="noStrike" dirty="0" smtClean="0">
                <a:solidFill>
                  <a:srgbClr val="000000"/>
                </a:solidFill>
                <a:effectLst/>
              </a:rPr>
              <a:t>children </a:t>
            </a:r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and adults</a:t>
            </a:r>
            <a:endParaRPr lang="ru-RU" sz="60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70008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600" b="1" dirty="0">
                <a:solidFill>
                  <a:schemeClr val="tx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rPr>
              <a:t>What is Safeguarding?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73260" y="1836158"/>
            <a:ext cx="6675617" cy="414351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Safeguarding is preventing harm to people – and the environment  – in the delivery of humanitarian assistance of any form. </a:t>
            </a:r>
          </a:p>
          <a:p>
            <a:pPr algn="ctr"/>
            <a:endParaRPr lang="en-US" sz="2800" dirty="0">
              <a:solidFill>
                <a:schemeClr val="tx1"/>
              </a:solidFill>
            </a:endParaRPr>
          </a:p>
          <a:p>
            <a:pPr algn="ctr"/>
            <a:r>
              <a:rPr lang="en-US" sz="2800" dirty="0">
                <a:solidFill>
                  <a:schemeClr val="tx1"/>
                </a:solidFill>
              </a:rPr>
              <a:t>Now, let’s learn together the different types of harm and ways to protect the community from the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94633" y="524656"/>
            <a:ext cx="2679543" cy="972571"/>
          </a:xfrm>
          <a:prstGeom prst="wedgeRoundRectCallout">
            <a:avLst>
              <a:gd name="adj1" fmla="val -55770"/>
              <a:gd name="adj2" fmla="val 77398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800" b="0" i="0" u="none" strike="noStrike" dirty="0">
                <a:solidFill>
                  <a:srgbClr val="000000"/>
                </a:solidFill>
                <a:effectLst/>
                <a:latin typeface="+mj-lt"/>
              </a:rPr>
              <a:t>Ready to do that through examples?</a:t>
            </a:r>
            <a:endParaRPr lang="en-US" sz="1600" b="1" dirty="0">
              <a:solidFill>
                <a:srgbClr val="646468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792518" y="1971497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Mix &amp; Match</a:t>
            </a:r>
          </a:p>
        </p:txBody>
      </p:sp>
      <p:sp>
        <p:nvSpPr>
          <p:cNvPr id="10" name="Arrow: Pentagon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792518" y="3462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4" name="ISPRING_QUIZ_SHAPE0">
            <a:extLst>
              <a:ext uri="{FF2B5EF4-FFF2-40B4-BE49-F238E27FC236}">
                <a16:creationId xmlns:a16="http://schemas.microsoft.com/office/drawing/2014/main" id="{445A27B7-8073-3A93-FF1C-E4BA40F54C00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ISPRING_QUIZ_SHAPE1">
            <a:extLst>
              <a:ext uri="{FF2B5EF4-FFF2-40B4-BE49-F238E27FC236}">
                <a16:creationId xmlns:a16="http://schemas.microsoft.com/office/drawing/2014/main" id="{409CC742-434B-9C08-9799-142FDFDD4888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QUIZ_SHAPE2">
            <a:extLst>
              <a:ext uri="{FF2B5EF4-FFF2-40B4-BE49-F238E27FC236}">
                <a16:creationId xmlns:a16="http://schemas.microsoft.com/office/drawing/2014/main" id="{C711C3D8-6D4C-1308-6BA1-170087562987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3" name="ISPRING_QUIZ_SHAPE3">
            <a:extLst>
              <a:ext uri="{FF2B5EF4-FFF2-40B4-BE49-F238E27FC236}">
                <a16:creationId xmlns:a16="http://schemas.microsoft.com/office/drawing/2014/main" id="{B3E18339-BF4F-AB82-5EEA-A5110DF15DC8}"/>
              </a:ext>
            </a:extLst>
          </p:cNvPr>
          <p:cNvPicPr>
            <a:picLocks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>
            <a:extLst>
              <a:ext uri="{FF2B5EF4-FFF2-40B4-BE49-F238E27FC236}">
                <a16:creationId xmlns:a16="http://schemas.microsoft.com/office/drawing/2014/main" id="{2ECEFDCB-3BF6-595C-0797-EE7895755765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ULTRA_SCORM_COURCE_TITLE" val="definitions"/>
  <p:tag name="ISPRING_PRESENTATION_TITLE" val="definitions"/>
  <p:tag name="ISPRING_SCREEN_RECS_UPDATED" val="C:\Users\pc\Desktop\Nabad\safeguarding\en\lessons\definition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volumeControl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RESOURCE_FOLDER" val="C:\Users\hp\Desktop\Projects\Nabad\Nabad\safeguarding\en\lessons\definitions_1\"/>
  <p:tag name="ISPRING_RESOURCE_FOLDER_STATIC" val="C:\Users\hp\Desktop\Projects\Nabad\Nabad\safeguarding\en\lessons\definitions_1\"/>
  <p:tag name="ISPRING_PRESENTATION_PATH" val="C:\Users\hp\Desktop\Projects\Nabad\Nabad\safeguarding\en\lessons\definitions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FULL_PATH" val="C:\Users\hp\Desktop\Projects\Nabad\Nabad\safeguarding\en\lessons\definitions_1\quiz\quiz1.quiz"/>
  <p:tag name="ISPRING_QUIZ_RELATIVE_PATH" val="definitions_1\quiz\quiz1.quiz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027</TotalTime>
  <Words>46</Words>
  <Application>Microsoft Office PowerPoint</Application>
  <PresentationFormat>Widescreen</PresentationFormat>
  <Paragraphs>1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2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s</dc:title>
  <dc:creator>pc</dc:creator>
  <cp:lastModifiedBy>Maher</cp:lastModifiedBy>
  <cp:revision>769</cp:revision>
  <dcterms:created xsi:type="dcterms:W3CDTF">2022-11-16T16:05:09Z</dcterms:created>
  <dcterms:modified xsi:type="dcterms:W3CDTF">2024-09-19T05:21:45Z</dcterms:modified>
</cp:coreProperties>
</file>